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où nous pouvons configurer les informations de base sur l'ensemble de données, en saisissant son nom, en sélectionnant la période de collecte, en ajoutant les éléments de données associés à l'ensemble de données et en l'assign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igner les éléments de données à la section dans l'ordre dans lequel nous voulons qu'ils apparaissent dans le formulaire de saisie des données. Voyons alor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ign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